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0\HP2010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２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AJ45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/>
    <col min="34" max="36" width="0" style="2" hidden="1" customWidth="1"/>
    <col min="37" max="256" width="9" style="2"/>
    <col min="257" max="257" width="3.6640625" style="2" customWidth="1"/>
    <col min="258" max="263" width="5.6640625" style="2" customWidth="1"/>
    <col min="264" max="264" width="6.2187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2187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2187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2187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2187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2187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2187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2187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2187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2187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2187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2187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2187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2187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2187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2187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2187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2187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2187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2187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2187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2187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2187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2187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2187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2187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2187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2187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2187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2187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2187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2187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2187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2187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2187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2187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2187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2187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2187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2187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2187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2187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2187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2187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2187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2187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2187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2187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2187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2187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2187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2187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2187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2187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2187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2187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2187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2187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2187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2187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2187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2187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2187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0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1481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4243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954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2289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2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2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2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68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01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2">
      <c r="A22" s="54">
        <v>5</v>
      </c>
      <c r="B22" s="55">
        <v>94</v>
      </c>
      <c r="C22" s="55">
        <v>91</v>
      </c>
      <c r="D22" s="56">
        <v>185</v>
      </c>
      <c r="E22" s="55">
        <v>169</v>
      </c>
      <c r="F22" s="55">
        <v>229</v>
      </c>
      <c r="G22" s="56">
        <v>398</v>
      </c>
      <c r="H22" s="56">
        <v>-213</v>
      </c>
      <c r="I22" s="55">
        <v>298</v>
      </c>
      <c r="J22" s="55">
        <v>100</v>
      </c>
      <c r="K22" s="55">
        <v>105</v>
      </c>
      <c r="L22" s="56">
        <v>205</v>
      </c>
      <c r="M22" s="55">
        <v>202</v>
      </c>
      <c r="N22" s="55">
        <v>211</v>
      </c>
      <c r="O22" s="55">
        <v>134</v>
      </c>
      <c r="P22" s="56">
        <v>345</v>
      </c>
      <c r="Q22" s="56">
        <v>550</v>
      </c>
      <c r="R22" s="55">
        <v>355</v>
      </c>
      <c r="S22" s="55">
        <v>86</v>
      </c>
      <c r="T22" s="55">
        <v>106</v>
      </c>
      <c r="U22" s="56">
        <v>192</v>
      </c>
      <c r="V22" s="55">
        <v>158</v>
      </c>
      <c r="W22" s="55">
        <v>204</v>
      </c>
      <c r="X22" s="55">
        <v>146</v>
      </c>
      <c r="Y22" s="56">
        <v>350</v>
      </c>
      <c r="Z22" s="56">
        <v>542</v>
      </c>
      <c r="AA22" s="56">
        <v>8</v>
      </c>
      <c r="AB22" s="56">
        <v>-205</v>
      </c>
      <c r="AC22" s="57">
        <v>180997</v>
      </c>
      <c r="AD22" s="57">
        <v>202184</v>
      </c>
      <c r="AE22" s="57">
        <v>212582</v>
      </c>
      <c r="AF22" s="58">
        <v>414766</v>
      </c>
    </row>
    <row r="23" spans="1:32" s="64" customFormat="1" ht="20.100000000000001" customHeight="1" x14ac:dyDescent="0.2">
      <c r="A23" s="59">
        <v>6</v>
      </c>
      <c r="B23" s="60">
        <v>134</v>
      </c>
      <c r="C23" s="60">
        <v>133</v>
      </c>
      <c r="D23" s="61">
        <v>267</v>
      </c>
      <c r="E23" s="60">
        <v>171</v>
      </c>
      <c r="F23" s="60">
        <v>183</v>
      </c>
      <c r="G23" s="61">
        <v>354</v>
      </c>
      <c r="H23" s="61">
        <v>-87</v>
      </c>
      <c r="I23" s="60">
        <v>339</v>
      </c>
      <c r="J23" s="60">
        <v>110</v>
      </c>
      <c r="K23" s="60">
        <v>99</v>
      </c>
      <c r="L23" s="61">
        <v>209</v>
      </c>
      <c r="M23" s="60">
        <v>302</v>
      </c>
      <c r="N23" s="60">
        <v>276</v>
      </c>
      <c r="O23" s="60">
        <v>166</v>
      </c>
      <c r="P23" s="61">
        <v>442</v>
      </c>
      <c r="Q23" s="61">
        <v>651</v>
      </c>
      <c r="R23" s="60">
        <v>299</v>
      </c>
      <c r="S23" s="60">
        <v>108</v>
      </c>
      <c r="T23" s="60">
        <v>89</v>
      </c>
      <c r="U23" s="61">
        <v>197</v>
      </c>
      <c r="V23" s="60">
        <v>197</v>
      </c>
      <c r="W23" s="60">
        <v>256</v>
      </c>
      <c r="X23" s="60">
        <v>172</v>
      </c>
      <c r="Y23" s="61">
        <v>428</v>
      </c>
      <c r="Z23" s="61">
        <v>625</v>
      </c>
      <c r="AA23" s="61">
        <v>26</v>
      </c>
      <c r="AB23" s="61">
        <v>-61</v>
      </c>
      <c r="AC23" s="62">
        <v>181142</v>
      </c>
      <c r="AD23" s="62">
        <v>202169</v>
      </c>
      <c r="AE23" s="62">
        <v>212536</v>
      </c>
      <c r="AF23" s="63">
        <v>414705</v>
      </c>
    </row>
    <row r="24" spans="1:32" ht="20.100000000000001" customHeight="1" x14ac:dyDescent="0.2">
      <c r="A24" s="54">
        <v>7</v>
      </c>
      <c r="B24" s="55">
        <v>120</v>
      </c>
      <c r="C24" s="55">
        <v>152</v>
      </c>
      <c r="D24" s="56">
        <v>272</v>
      </c>
      <c r="E24" s="55">
        <v>191</v>
      </c>
      <c r="F24" s="55">
        <v>173</v>
      </c>
      <c r="G24" s="56">
        <v>364</v>
      </c>
      <c r="H24" s="56">
        <v>-92</v>
      </c>
      <c r="I24" s="55">
        <v>382</v>
      </c>
      <c r="J24" s="55">
        <v>115</v>
      </c>
      <c r="K24" s="55">
        <v>118</v>
      </c>
      <c r="L24" s="56">
        <v>233</v>
      </c>
      <c r="M24" s="55">
        <v>266</v>
      </c>
      <c r="N24" s="55">
        <v>260</v>
      </c>
      <c r="O24" s="55">
        <v>154</v>
      </c>
      <c r="P24" s="56">
        <v>414</v>
      </c>
      <c r="Q24" s="56">
        <v>647</v>
      </c>
      <c r="R24" s="55">
        <v>333</v>
      </c>
      <c r="S24" s="55">
        <v>123</v>
      </c>
      <c r="T24" s="55">
        <v>110</v>
      </c>
      <c r="U24" s="56">
        <v>233</v>
      </c>
      <c r="V24" s="55">
        <v>230</v>
      </c>
      <c r="W24" s="55">
        <v>261</v>
      </c>
      <c r="X24" s="55">
        <v>193</v>
      </c>
      <c r="Y24" s="56">
        <v>454</v>
      </c>
      <c r="Z24" s="56">
        <v>687</v>
      </c>
      <c r="AA24" s="56">
        <v>-40</v>
      </c>
      <c r="AB24" s="56">
        <v>-132</v>
      </c>
      <c r="AC24" s="57">
        <v>181227</v>
      </c>
      <c r="AD24" s="57">
        <v>202089</v>
      </c>
      <c r="AE24" s="57">
        <v>212484</v>
      </c>
      <c r="AF24" s="58">
        <v>414573</v>
      </c>
    </row>
    <row r="25" spans="1:32" ht="20.100000000000001" customHeight="1" x14ac:dyDescent="0.2">
      <c r="A25" s="54">
        <v>8</v>
      </c>
      <c r="B25" s="55">
        <v>121</v>
      </c>
      <c r="C25" s="55">
        <v>116</v>
      </c>
      <c r="D25" s="56">
        <v>237</v>
      </c>
      <c r="E25" s="55">
        <v>162</v>
      </c>
      <c r="F25" s="55">
        <v>167</v>
      </c>
      <c r="G25" s="56">
        <v>329</v>
      </c>
      <c r="H25" s="56">
        <v>-92</v>
      </c>
      <c r="I25" s="55">
        <v>360</v>
      </c>
      <c r="J25" s="55">
        <v>128</v>
      </c>
      <c r="K25" s="55">
        <v>118</v>
      </c>
      <c r="L25" s="56">
        <v>246</v>
      </c>
      <c r="M25" s="55">
        <v>255</v>
      </c>
      <c r="N25" s="55">
        <v>274</v>
      </c>
      <c r="O25" s="55">
        <v>188</v>
      </c>
      <c r="P25" s="56">
        <v>462</v>
      </c>
      <c r="Q25" s="56">
        <v>708</v>
      </c>
      <c r="R25" s="55">
        <v>277</v>
      </c>
      <c r="S25" s="55">
        <v>102</v>
      </c>
      <c r="T25" s="55">
        <v>108</v>
      </c>
      <c r="U25" s="56">
        <v>210</v>
      </c>
      <c r="V25" s="55">
        <v>219</v>
      </c>
      <c r="W25" s="55">
        <v>248</v>
      </c>
      <c r="X25" s="55">
        <v>196</v>
      </c>
      <c r="Y25" s="56">
        <v>444</v>
      </c>
      <c r="Z25" s="56">
        <v>654</v>
      </c>
      <c r="AA25" s="56">
        <v>54</v>
      </c>
      <c r="AB25" s="56">
        <v>-38</v>
      </c>
      <c r="AC25" s="57">
        <v>181346</v>
      </c>
      <c r="AD25" s="57">
        <v>202100</v>
      </c>
      <c r="AE25" s="57">
        <v>212435</v>
      </c>
      <c r="AF25" s="58">
        <v>414535</v>
      </c>
    </row>
    <row r="26" spans="1:32" ht="20.100000000000001" customHeight="1" x14ac:dyDescent="0.2">
      <c r="A26" s="54">
        <v>9</v>
      </c>
      <c r="B26" s="55">
        <v>133</v>
      </c>
      <c r="C26" s="55">
        <v>102</v>
      </c>
      <c r="D26" s="56">
        <v>235</v>
      </c>
      <c r="E26" s="55">
        <v>215</v>
      </c>
      <c r="F26" s="55">
        <v>191</v>
      </c>
      <c r="G26" s="56">
        <v>406</v>
      </c>
      <c r="H26" s="56">
        <v>-171</v>
      </c>
      <c r="I26" s="55">
        <v>356</v>
      </c>
      <c r="J26" s="55">
        <v>105</v>
      </c>
      <c r="K26" s="55">
        <v>109</v>
      </c>
      <c r="L26" s="56">
        <v>214</v>
      </c>
      <c r="M26" s="55">
        <v>294</v>
      </c>
      <c r="N26" s="55">
        <v>283</v>
      </c>
      <c r="O26" s="55">
        <v>192</v>
      </c>
      <c r="P26" s="56">
        <v>475</v>
      </c>
      <c r="Q26" s="56">
        <v>689</v>
      </c>
      <c r="R26" s="55">
        <v>364</v>
      </c>
      <c r="S26" s="55">
        <v>142</v>
      </c>
      <c r="T26" s="55">
        <v>105</v>
      </c>
      <c r="U26" s="56">
        <v>247</v>
      </c>
      <c r="V26" s="55">
        <v>238</v>
      </c>
      <c r="W26" s="55">
        <v>254</v>
      </c>
      <c r="X26" s="55">
        <v>198</v>
      </c>
      <c r="Y26" s="56">
        <v>452</v>
      </c>
      <c r="Z26" s="56">
        <v>699</v>
      </c>
      <c r="AA26" s="56">
        <v>-10</v>
      </c>
      <c r="AB26" s="56">
        <v>-181</v>
      </c>
      <c r="AC26" s="57">
        <v>181394</v>
      </c>
      <c r="AD26" s="57">
        <v>202010</v>
      </c>
      <c r="AE26" s="57">
        <v>212344</v>
      </c>
      <c r="AF26" s="58">
        <v>414354</v>
      </c>
    </row>
    <row r="27" spans="1:32" ht="20.100000000000001" customHeight="1" x14ac:dyDescent="0.2">
      <c r="A27" s="54">
        <v>10</v>
      </c>
      <c r="B27" s="55">
        <v>111</v>
      </c>
      <c r="C27" s="55">
        <v>142</v>
      </c>
      <c r="D27" s="56">
        <v>253</v>
      </c>
      <c r="E27" s="55">
        <v>190</v>
      </c>
      <c r="F27" s="55">
        <v>201</v>
      </c>
      <c r="G27" s="56">
        <v>391</v>
      </c>
      <c r="H27" s="56">
        <v>-138</v>
      </c>
      <c r="I27" s="55">
        <v>383</v>
      </c>
      <c r="J27" s="55">
        <v>139</v>
      </c>
      <c r="K27" s="55">
        <v>126</v>
      </c>
      <c r="L27" s="56">
        <v>265</v>
      </c>
      <c r="M27" s="55">
        <v>323</v>
      </c>
      <c r="N27" s="55">
        <v>291</v>
      </c>
      <c r="O27" s="55">
        <v>202</v>
      </c>
      <c r="P27" s="56">
        <v>493</v>
      </c>
      <c r="Q27" s="56">
        <v>758</v>
      </c>
      <c r="R27" s="55">
        <v>365</v>
      </c>
      <c r="S27" s="55">
        <v>132</v>
      </c>
      <c r="T27" s="55">
        <v>127</v>
      </c>
      <c r="U27" s="56">
        <v>259</v>
      </c>
      <c r="V27" s="55">
        <v>254</v>
      </c>
      <c r="W27" s="55">
        <v>275</v>
      </c>
      <c r="X27" s="55">
        <v>197</v>
      </c>
      <c r="Y27" s="56">
        <v>472</v>
      </c>
      <c r="Z27" s="56">
        <v>731</v>
      </c>
      <c r="AA27" s="56">
        <v>27</v>
      </c>
      <c r="AB27" s="56">
        <v>-111</v>
      </c>
      <c r="AC27" s="57">
        <v>181481</v>
      </c>
      <c r="AD27" s="57">
        <v>201954</v>
      </c>
      <c r="AE27" s="57">
        <v>212289</v>
      </c>
      <c r="AF27" s="58">
        <v>414243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203</v>
      </c>
      <c r="C30" s="70">
        <v>1164</v>
      </c>
      <c r="D30" s="70">
        <v>2367</v>
      </c>
      <c r="E30" s="70">
        <v>1898</v>
      </c>
      <c r="F30" s="70">
        <v>1961</v>
      </c>
      <c r="G30" s="70">
        <v>3859</v>
      </c>
      <c r="H30" s="70">
        <v>-1492</v>
      </c>
      <c r="I30" s="70">
        <v>4051</v>
      </c>
      <c r="J30" s="70">
        <v>1472</v>
      </c>
      <c r="K30" s="70">
        <v>1369</v>
      </c>
      <c r="L30" s="70">
        <v>2841</v>
      </c>
      <c r="M30" s="70">
        <v>4236</v>
      </c>
      <c r="N30" s="70">
        <v>3981</v>
      </c>
      <c r="O30" s="70">
        <v>2681</v>
      </c>
      <c r="P30" s="70">
        <v>6662</v>
      </c>
      <c r="Q30" s="70">
        <v>9503</v>
      </c>
      <c r="R30" s="70">
        <v>3664</v>
      </c>
      <c r="S30" s="70">
        <v>1431</v>
      </c>
      <c r="T30" s="70">
        <v>1248</v>
      </c>
      <c r="U30" s="70">
        <v>2679</v>
      </c>
      <c r="V30" s="70">
        <v>3176</v>
      </c>
      <c r="W30" s="70">
        <v>3861</v>
      </c>
      <c r="X30" s="70">
        <v>2993</v>
      </c>
      <c r="Y30" s="70">
        <v>6854</v>
      </c>
      <c r="Z30" s="70">
        <v>9533</v>
      </c>
      <c r="AA30" s="70">
        <v>-30</v>
      </c>
      <c r="AB30" s="70">
        <v>-1522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2">
      <c r="B33" s="74" t="s">
        <v>31</v>
      </c>
    </row>
    <row r="34" spans="2:36" hidden="1" x14ac:dyDescent="0.2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hidden="1" x14ac:dyDescent="0.2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hidden="1" x14ac:dyDescent="0.2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hidden="1" x14ac:dyDescent="0.2">
      <c r="AF37" s="76">
        <v>4</v>
      </c>
      <c r="AG37" s="77">
        <v>181010</v>
      </c>
      <c r="AH37" s="77">
        <v>202238</v>
      </c>
      <c r="AI37" s="77">
        <v>212733</v>
      </c>
      <c r="AJ37" s="77">
        <v>414971</v>
      </c>
    </row>
    <row r="38" spans="2:36" hidden="1" x14ac:dyDescent="0.2">
      <c r="AF38" s="76">
        <v>5</v>
      </c>
      <c r="AG38" s="77">
        <v>180997</v>
      </c>
      <c r="AH38" s="77">
        <v>202184</v>
      </c>
      <c r="AI38" s="77">
        <v>212582</v>
      </c>
      <c r="AJ38" s="77">
        <v>414766</v>
      </c>
    </row>
    <row r="39" spans="2:36" hidden="1" x14ac:dyDescent="0.2">
      <c r="AF39" s="76">
        <v>6</v>
      </c>
      <c r="AG39" s="77">
        <v>181142</v>
      </c>
      <c r="AH39" s="77">
        <v>202169</v>
      </c>
      <c r="AI39" s="77">
        <v>212536</v>
      </c>
      <c r="AJ39" s="77">
        <v>414705</v>
      </c>
    </row>
    <row r="40" spans="2:36" hidden="1" x14ac:dyDescent="0.2">
      <c r="AF40" s="76">
        <v>7</v>
      </c>
      <c r="AG40" s="77">
        <v>181227</v>
      </c>
      <c r="AH40" s="77">
        <v>202089</v>
      </c>
      <c r="AI40" s="77">
        <v>212484</v>
      </c>
      <c r="AJ40" s="77">
        <v>414573</v>
      </c>
    </row>
    <row r="41" spans="2:36" hidden="1" x14ac:dyDescent="0.2">
      <c r="AF41" s="76">
        <v>8</v>
      </c>
      <c r="AG41" s="77">
        <v>181346</v>
      </c>
      <c r="AH41" s="77">
        <v>202100</v>
      </c>
      <c r="AI41" s="77">
        <v>212435</v>
      </c>
      <c r="AJ41" s="77">
        <v>414535</v>
      </c>
    </row>
    <row r="42" spans="2:36" hidden="1" x14ac:dyDescent="0.2">
      <c r="AF42" s="76">
        <v>9</v>
      </c>
      <c r="AG42" s="77">
        <v>181394</v>
      </c>
      <c r="AH42" s="77">
        <v>202010</v>
      </c>
      <c r="AI42" s="77">
        <v>212344</v>
      </c>
      <c r="AJ42" s="77">
        <v>414354</v>
      </c>
    </row>
    <row r="43" spans="2:36" hidden="1" x14ac:dyDescent="0.2">
      <c r="AF43" s="76">
        <v>10</v>
      </c>
      <c r="AG43" s="77">
        <v>181481</v>
      </c>
      <c r="AH43" s="77">
        <v>201954</v>
      </c>
      <c r="AI43" s="77">
        <v>212289</v>
      </c>
      <c r="AJ43" s="77">
        <v>414243</v>
      </c>
    </row>
    <row r="44" spans="2:36" hidden="1" x14ac:dyDescent="0.2">
      <c r="AF44" s="76">
        <v>11</v>
      </c>
      <c r="AG44" s="77" t="s">
        <v>29</v>
      </c>
      <c r="AH44" s="77" t="s">
        <v>29</v>
      </c>
      <c r="AI44" s="77" t="s">
        <v>29</v>
      </c>
      <c r="AJ44" s="77">
        <v>0</v>
      </c>
    </row>
    <row r="45" spans="2:36" hidden="1" x14ac:dyDescent="0.2">
      <c r="AF45" s="76">
        <v>12</v>
      </c>
      <c r="AG45" s="77" t="s">
        <v>29</v>
      </c>
      <c r="AH45" s="77" t="s">
        <v>29</v>
      </c>
      <c r="AI45" s="77" t="s">
        <v>29</v>
      </c>
      <c r="AJ45" s="77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11-02T12:38:38Z</dcterms:created>
  <dcterms:modified xsi:type="dcterms:W3CDTF">2020-11-02T12:38:40Z</dcterms:modified>
</cp:coreProperties>
</file>